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8_{E5655CFA-1975-422D-A688-11A2BAF9E33B}" xr6:coauthVersionLast="47" xr6:coauthVersionMax="47" xr10:uidLastSave="{00000000-0000-0000-0000-000000000000}"/>
  <bookViews>
    <workbookView xWindow="-108" yWindow="-108" windowWidth="23256" windowHeight="12576" xr2:uid="{D866C93A-ACB0-433B-9EA0-C8B432393A8C}"/>
  </bookViews>
  <sheets>
    <sheet name="３．（１）大沢野～細入地域人口グラフ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0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沢野、大山、八尾、婦中、山田、細入地域地区別人口推移</a:t>
            </a:r>
            <a:r>
              <a:rPr lang="ja-JP" altLang="en-US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（住民基本台帳、各年９月末）</a:t>
            </a:r>
          </a:p>
        </c:rich>
      </c:tx>
      <c:layout>
        <c:manualLayout>
          <c:xMode val="edge"/>
          <c:yMode val="edge"/>
          <c:x val="0.15686274509803921"/>
          <c:y val="2.0338983050847456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8.5655314757481935E-2"/>
          <c:y val="0.15762711864406781"/>
          <c:w val="0.90299277605779149"/>
          <c:h val="0.71186440677966101"/>
        </c:manualLayout>
      </c:layout>
      <c:barChart>
        <c:barDir val="col"/>
        <c:grouping val="clustered"/>
        <c:varyColors val="0"/>
        <c:ser>
          <c:idx val="5"/>
          <c:order val="0"/>
          <c:tx>
            <c:strRef>
              <c:f>'[1]地区別人口・世帯集計表 (集計用)'!$E$2</c:f>
              <c:strCache>
                <c:ptCount val="1"/>
                <c:pt idx="0">
                  <c:v>R04人口</c:v>
                </c:pt>
              </c:strCache>
            </c:strRef>
          </c:tx>
          <c:spPr>
            <a:solidFill>
              <a:srgbClr val="FF9900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53:$A$84</c:f>
              <c:strCache>
                <c:ptCount val="32"/>
                <c:pt idx="0">
                  <c:v>下タ</c:v>
                </c:pt>
                <c:pt idx="1">
                  <c:v>小羽</c:v>
                </c:pt>
                <c:pt idx="2">
                  <c:v>船峅</c:v>
                </c:pt>
                <c:pt idx="3">
                  <c:v>大沢野</c:v>
                </c:pt>
                <c:pt idx="4">
                  <c:v>大久保</c:v>
                </c:pt>
                <c:pt idx="5">
                  <c:v>上滝</c:v>
                </c:pt>
                <c:pt idx="6">
                  <c:v>大山</c:v>
                </c:pt>
                <c:pt idx="7">
                  <c:v>大庄</c:v>
                </c:pt>
                <c:pt idx="8">
                  <c:v>福沢</c:v>
                </c:pt>
                <c:pt idx="9">
                  <c:v>八尾</c:v>
                </c:pt>
                <c:pt idx="10">
                  <c:v>保内</c:v>
                </c:pt>
                <c:pt idx="11">
                  <c:v>杉原</c:v>
                </c:pt>
                <c:pt idx="12">
                  <c:v>卯花</c:v>
                </c:pt>
                <c:pt idx="13">
                  <c:v>室牧</c:v>
                </c:pt>
                <c:pt idx="14">
                  <c:v>黒瀬谷</c:v>
                </c:pt>
                <c:pt idx="15">
                  <c:v>野積</c:v>
                </c:pt>
                <c:pt idx="16">
                  <c:v>仁歩</c:v>
                </c:pt>
                <c:pt idx="17">
                  <c:v>大長谷</c:v>
                </c:pt>
                <c:pt idx="18">
                  <c:v>速星</c:v>
                </c:pt>
                <c:pt idx="19">
                  <c:v>鵜坂</c:v>
                </c:pt>
                <c:pt idx="20">
                  <c:v>朝日</c:v>
                </c:pt>
                <c:pt idx="21">
                  <c:v>宮川</c:v>
                </c:pt>
                <c:pt idx="22">
                  <c:v>婦中熊野</c:v>
                </c:pt>
                <c:pt idx="23">
                  <c:v>古里</c:v>
                </c:pt>
                <c:pt idx="24">
                  <c:v>音川</c:v>
                </c:pt>
                <c:pt idx="25">
                  <c:v>神保</c:v>
                </c:pt>
                <c:pt idx="26">
                  <c:v>山田南部</c:v>
                </c:pt>
                <c:pt idx="27">
                  <c:v>山田中部</c:v>
                </c:pt>
                <c:pt idx="28">
                  <c:v>山田西部</c:v>
                </c:pt>
                <c:pt idx="29">
                  <c:v>山田東部</c:v>
                </c:pt>
                <c:pt idx="30">
                  <c:v>細入北部</c:v>
                </c:pt>
                <c:pt idx="31">
                  <c:v>細入南部</c:v>
                </c:pt>
              </c:strCache>
            </c:strRef>
          </c:cat>
          <c:val>
            <c:numRef>
              <c:f>'[1]地区別人口・世帯集計表 (集計用)'!$E$53:$E$84</c:f>
              <c:numCache>
                <c:formatCode>#,##0_);[Red]\(#,##0\)</c:formatCode>
                <c:ptCount val="32"/>
                <c:pt idx="0">
                  <c:v>299</c:v>
                </c:pt>
                <c:pt idx="1">
                  <c:v>248</c:v>
                </c:pt>
                <c:pt idx="2">
                  <c:v>1984</c:v>
                </c:pt>
                <c:pt idx="3">
                  <c:v>11102</c:v>
                </c:pt>
                <c:pt idx="4">
                  <c:v>7720</c:v>
                </c:pt>
                <c:pt idx="5">
                  <c:v>2570</c:v>
                </c:pt>
                <c:pt idx="6">
                  <c:v>804</c:v>
                </c:pt>
                <c:pt idx="7">
                  <c:v>4854</c:v>
                </c:pt>
                <c:pt idx="8">
                  <c:v>820</c:v>
                </c:pt>
                <c:pt idx="9">
                  <c:v>1946</c:v>
                </c:pt>
                <c:pt idx="10">
                  <c:v>6887</c:v>
                </c:pt>
                <c:pt idx="11">
                  <c:v>6680</c:v>
                </c:pt>
                <c:pt idx="12">
                  <c:v>759</c:v>
                </c:pt>
                <c:pt idx="13">
                  <c:v>373</c:v>
                </c:pt>
                <c:pt idx="14">
                  <c:v>1128</c:v>
                </c:pt>
                <c:pt idx="15">
                  <c:v>659</c:v>
                </c:pt>
                <c:pt idx="16">
                  <c:v>138</c:v>
                </c:pt>
                <c:pt idx="17">
                  <c:v>48</c:v>
                </c:pt>
                <c:pt idx="18">
                  <c:v>11982</c:v>
                </c:pt>
                <c:pt idx="19">
                  <c:v>11872</c:v>
                </c:pt>
                <c:pt idx="20">
                  <c:v>1415</c:v>
                </c:pt>
                <c:pt idx="21">
                  <c:v>2243</c:v>
                </c:pt>
                <c:pt idx="22">
                  <c:v>3657</c:v>
                </c:pt>
                <c:pt idx="23">
                  <c:v>3802</c:v>
                </c:pt>
                <c:pt idx="24">
                  <c:v>1279</c:v>
                </c:pt>
                <c:pt idx="25">
                  <c:v>4881</c:v>
                </c:pt>
                <c:pt idx="26">
                  <c:v>10</c:v>
                </c:pt>
                <c:pt idx="27">
                  <c:v>853</c:v>
                </c:pt>
                <c:pt idx="28">
                  <c:v>160</c:v>
                </c:pt>
                <c:pt idx="29">
                  <c:v>267</c:v>
                </c:pt>
                <c:pt idx="30">
                  <c:v>924</c:v>
                </c:pt>
                <c:pt idx="31">
                  <c:v>25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853-4877-9205-C8B5424DE901}"/>
            </c:ext>
          </c:extLst>
        </c:ser>
        <c:ser>
          <c:idx val="1"/>
          <c:order val="1"/>
          <c:tx>
            <c:strRef>
              <c:f>'[1]地区別人口・世帯集計表 (集計用)'!$C$2</c:f>
              <c:strCache>
                <c:ptCount val="1"/>
                <c:pt idx="0">
                  <c:v>R05人口</c:v>
                </c:pt>
              </c:strCache>
            </c:strRef>
          </c:tx>
          <c:spPr>
            <a:solidFill>
              <a:srgbClr val="0000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53:$A$84</c:f>
              <c:strCache>
                <c:ptCount val="32"/>
                <c:pt idx="0">
                  <c:v>下タ</c:v>
                </c:pt>
                <c:pt idx="1">
                  <c:v>小羽</c:v>
                </c:pt>
                <c:pt idx="2">
                  <c:v>船峅</c:v>
                </c:pt>
                <c:pt idx="3">
                  <c:v>大沢野</c:v>
                </c:pt>
                <c:pt idx="4">
                  <c:v>大久保</c:v>
                </c:pt>
                <c:pt idx="5">
                  <c:v>上滝</c:v>
                </c:pt>
                <c:pt idx="6">
                  <c:v>大山</c:v>
                </c:pt>
                <c:pt idx="7">
                  <c:v>大庄</c:v>
                </c:pt>
                <c:pt idx="8">
                  <c:v>福沢</c:v>
                </c:pt>
                <c:pt idx="9">
                  <c:v>八尾</c:v>
                </c:pt>
                <c:pt idx="10">
                  <c:v>保内</c:v>
                </c:pt>
                <c:pt idx="11">
                  <c:v>杉原</c:v>
                </c:pt>
                <c:pt idx="12">
                  <c:v>卯花</c:v>
                </c:pt>
                <c:pt idx="13">
                  <c:v>室牧</c:v>
                </c:pt>
                <c:pt idx="14">
                  <c:v>黒瀬谷</c:v>
                </c:pt>
                <c:pt idx="15">
                  <c:v>野積</c:v>
                </c:pt>
                <c:pt idx="16">
                  <c:v>仁歩</c:v>
                </c:pt>
                <c:pt idx="17">
                  <c:v>大長谷</c:v>
                </c:pt>
                <c:pt idx="18">
                  <c:v>速星</c:v>
                </c:pt>
                <c:pt idx="19">
                  <c:v>鵜坂</c:v>
                </c:pt>
                <c:pt idx="20">
                  <c:v>朝日</c:v>
                </c:pt>
                <c:pt idx="21">
                  <c:v>宮川</c:v>
                </c:pt>
                <c:pt idx="22">
                  <c:v>婦中熊野</c:v>
                </c:pt>
                <c:pt idx="23">
                  <c:v>古里</c:v>
                </c:pt>
                <c:pt idx="24">
                  <c:v>音川</c:v>
                </c:pt>
                <c:pt idx="25">
                  <c:v>神保</c:v>
                </c:pt>
                <c:pt idx="26">
                  <c:v>山田南部</c:v>
                </c:pt>
                <c:pt idx="27">
                  <c:v>山田中部</c:v>
                </c:pt>
                <c:pt idx="28">
                  <c:v>山田西部</c:v>
                </c:pt>
                <c:pt idx="29">
                  <c:v>山田東部</c:v>
                </c:pt>
                <c:pt idx="30">
                  <c:v>細入北部</c:v>
                </c:pt>
                <c:pt idx="31">
                  <c:v>細入南部</c:v>
                </c:pt>
              </c:strCache>
            </c:strRef>
          </c:cat>
          <c:val>
            <c:numRef>
              <c:f>'[1]地区別人口・世帯集計表 (集計用)'!$C$53:$C$84</c:f>
              <c:numCache>
                <c:formatCode>#,##0_);[Red]\(#,##0\)</c:formatCode>
                <c:ptCount val="32"/>
                <c:pt idx="0">
                  <c:v>278</c:v>
                </c:pt>
                <c:pt idx="1">
                  <c:v>249</c:v>
                </c:pt>
                <c:pt idx="2">
                  <c:v>1955</c:v>
                </c:pt>
                <c:pt idx="3">
                  <c:v>10922</c:v>
                </c:pt>
                <c:pt idx="4">
                  <c:v>7823</c:v>
                </c:pt>
                <c:pt idx="5">
                  <c:v>2515</c:v>
                </c:pt>
                <c:pt idx="6">
                  <c:v>785</c:v>
                </c:pt>
                <c:pt idx="7">
                  <c:v>4745</c:v>
                </c:pt>
                <c:pt idx="8">
                  <c:v>806</c:v>
                </c:pt>
                <c:pt idx="9">
                  <c:v>1892</c:v>
                </c:pt>
                <c:pt idx="10">
                  <c:v>6732</c:v>
                </c:pt>
                <c:pt idx="11">
                  <c:v>6591</c:v>
                </c:pt>
                <c:pt idx="12">
                  <c:v>742</c:v>
                </c:pt>
                <c:pt idx="13">
                  <c:v>374</c:v>
                </c:pt>
                <c:pt idx="14">
                  <c:v>1107</c:v>
                </c:pt>
                <c:pt idx="15">
                  <c:v>602</c:v>
                </c:pt>
                <c:pt idx="16">
                  <c:v>134</c:v>
                </c:pt>
                <c:pt idx="17">
                  <c:v>46</c:v>
                </c:pt>
                <c:pt idx="18">
                  <c:v>11928</c:v>
                </c:pt>
                <c:pt idx="19">
                  <c:v>11852</c:v>
                </c:pt>
                <c:pt idx="20">
                  <c:v>1401</c:v>
                </c:pt>
                <c:pt idx="21">
                  <c:v>2202</c:v>
                </c:pt>
                <c:pt idx="22">
                  <c:v>3628</c:v>
                </c:pt>
                <c:pt idx="23">
                  <c:v>3722</c:v>
                </c:pt>
                <c:pt idx="24">
                  <c:v>1260</c:v>
                </c:pt>
                <c:pt idx="25">
                  <c:v>4880</c:v>
                </c:pt>
                <c:pt idx="26">
                  <c:v>10</c:v>
                </c:pt>
                <c:pt idx="27">
                  <c:v>840</c:v>
                </c:pt>
                <c:pt idx="28">
                  <c:v>160</c:v>
                </c:pt>
                <c:pt idx="29">
                  <c:v>266</c:v>
                </c:pt>
                <c:pt idx="30">
                  <c:v>898</c:v>
                </c:pt>
                <c:pt idx="31">
                  <c:v>24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853-4877-9205-C8B5424DE90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1203144"/>
        <c:axId val="471200400"/>
      </c:barChart>
      <c:catAx>
        <c:axId val="471203144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wordArtVertRtl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0400"/>
        <c:crossesAt val="0"/>
        <c:auto val="1"/>
        <c:lblAlgn val="ctr"/>
        <c:lblOffset val="100"/>
        <c:tickLblSkip val="1"/>
        <c:tickMarkSkip val="1"/>
        <c:noMultiLvlLbl val="0"/>
      </c:catAx>
      <c:valAx>
        <c:axId val="471200400"/>
        <c:scaling>
          <c:orientation val="minMax"/>
          <c:max val="13000"/>
          <c:min val="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304781561747506E-2"/>
              <c:y val="0.1192090395480226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);[Red]\(#,##0\)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3144"/>
        <c:crosses val="autoZero"/>
        <c:crossBetween val="between"/>
        <c:majorUnit val="2000"/>
        <c:minorUnit val="2000"/>
      </c:valAx>
      <c:spPr>
        <a:solidFill>
          <a:srgbClr val="CCFFCC"/>
        </a:solidFill>
        <a:ln w="12700">
          <a:solidFill>
            <a:srgbClr val="CCFFCC"/>
          </a:solidFill>
          <a:prstDash val="solid"/>
        </a:ln>
      </c:spPr>
    </c:plotArea>
    <c:legend>
      <c:legendPos val="t"/>
      <c:layout>
        <c:manualLayout>
          <c:xMode val="edge"/>
          <c:yMode val="edge"/>
          <c:x val="0.45407636738906088"/>
          <c:y val="9.3220338983050849E-2"/>
          <c:w val="0.16202270381836947"/>
          <c:h val="3.8983050847457623E-2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101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noFill/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</c:chartSpace>
</file>

<file path=xl/chart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B175C815-35F9-48EC-B90A-87B586A6495F}">
  <sheetPr codeName="Graph98"/>
  <sheetViews>
    <sheetView tabSelected="1" workbookViewId="0"/>
  </sheetViews>
  <pageMargins left="0.75" right="0.75" top="1" bottom="1" header="0.51200000000000001" footer="0.51200000000000001"/>
  <pageSetup paperSize="9" orientation="landscape" r:id="rId1"/>
  <headerFooter alignWithMargins="0"/>
  <drawing r:id="rId2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204960" cy="560832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A3C8FCB9-6F79-4D39-91D0-8F8BF5C22C2A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C2" t="str">
            <v>R05人口</v>
          </cell>
          <cell r="E2" t="str">
            <v>R04人口</v>
          </cell>
        </row>
        <row r="53">
          <cell r="A53" t="str">
            <v>下タ</v>
          </cell>
          <cell r="C53">
            <v>278</v>
          </cell>
          <cell r="E53">
            <v>299</v>
          </cell>
        </row>
        <row r="54">
          <cell r="A54" t="str">
            <v>小羽</v>
          </cell>
          <cell r="C54">
            <v>249</v>
          </cell>
          <cell r="E54">
            <v>248</v>
          </cell>
        </row>
        <row r="55">
          <cell r="A55" t="str">
            <v>船峅</v>
          </cell>
          <cell r="C55">
            <v>1955</v>
          </cell>
          <cell r="E55">
            <v>1984</v>
          </cell>
        </row>
        <row r="56">
          <cell r="A56" t="str">
            <v>大沢野</v>
          </cell>
          <cell r="C56">
            <v>10922</v>
          </cell>
          <cell r="E56">
            <v>11102</v>
          </cell>
        </row>
        <row r="57">
          <cell r="A57" t="str">
            <v>大久保</v>
          </cell>
          <cell r="C57">
            <v>7823</v>
          </cell>
          <cell r="E57">
            <v>7720</v>
          </cell>
        </row>
        <row r="58">
          <cell r="A58" t="str">
            <v>上滝</v>
          </cell>
          <cell r="C58">
            <v>2515</v>
          </cell>
          <cell r="E58">
            <v>2570</v>
          </cell>
        </row>
        <row r="59">
          <cell r="A59" t="str">
            <v>大山</v>
          </cell>
          <cell r="C59">
            <v>785</v>
          </cell>
          <cell r="E59">
            <v>804</v>
          </cell>
        </row>
        <row r="60">
          <cell r="A60" t="str">
            <v>大庄</v>
          </cell>
          <cell r="C60">
            <v>4745</v>
          </cell>
          <cell r="E60">
            <v>4854</v>
          </cell>
        </row>
        <row r="61">
          <cell r="A61" t="str">
            <v>福沢</v>
          </cell>
          <cell r="C61">
            <v>806</v>
          </cell>
          <cell r="E61">
            <v>820</v>
          </cell>
        </row>
        <row r="62">
          <cell r="A62" t="str">
            <v>八尾</v>
          </cell>
          <cell r="C62">
            <v>1892</v>
          </cell>
          <cell r="E62">
            <v>1946</v>
          </cell>
        </row>
        <row r="63">
          <cell r="A63" t="str">
            <v>保内</v>
          </cell>
          <cell r="C63">
            <v>6732</v>
          </cell>
          <cell r="E63">
            <v>6887</v>
          </cell>
        </row>
        <row r="64">
          <cell r="A64" t="str">
            <v>杉原</v>
          </cell>
          <cell r="C64">
            <v>6591</v>
          </cell>
          <cell r="E64">
            <v>6680</v>
          </cell>
        </row>
        <row r="65">
          <cell r="A65" t="str">
            <v>卯花</v>
          </cell>
          <cell r="C65">
            <v>742</v>
          </cell>
          <cell r="E65">
            <v>759</v>
          </cell>
        </row>
        <row r="66">
          <cell r="A66" t="str">
            <v>室牧</v>
          </cell>
          <cell r="C66">
            <v>374</v>
          </cell>
          <cell r="E66">
            <v>373</v>
          </cell>
        </row>
        <row r="67">
          <cell r="A67" t="str">
            <v>黒瀬谷</v>
          </cell>
          <cell r="C67">
            <v>1107</v>
          </cell>
          <cell r="E67">
            <v>1128</v>
          </cell>
        </row>
        <row r="68">
          <cell r="A68" t="str">
            <v>野積</v>
          </cell>
          <cell r="C68">
            <v>602</v>
          </cell>
          <cell r="E68">
            <v>659</v>
          </cell>
        </row>
        <row r="69">
          <cell r="A69" t="str">
            <v>仁歩</v>
          </cell>
          <cell r="C69">
            <v>134</v>
          </cell>
          <cell r="E69">
            <v>138</v>
          </cell>
        </row>
        <row r="70">
          <cell r="A70" t="str">
            <v>大長谷</v>
          </cell>
          <cell r="C70">
            <v>46</v>
          </cell>
          <cell r="E70">
            <v>48</v>
          </cell>
        </row>
        <row r="71">
          <cell r="A71" t="str">
            <v>速星</v>
          </cell>
          <cell r="C71">
            <v>11928</v>
          </cell>
          <cell r="E71">
            <v>11982</v>
          </cell>
        </row>
        <row r="72">
          <cell r="A72" t="str">
            <v>鵜坂</v>
          </cell>
          <cell r="C72">
            <v>11852</v>
          </cell>
          <cell r="E72">
            <v>11872</v>
          </cell>
        </row>
        <row r="73">
          <cell r="A73" t="str">
            <v>朝日</v>
          </cell>
          <cell r="C73">
            <v>1401</v>
          </cell>
          <cell r="E73">
            <v>1415</v>
          </cell>
        </row>
        <row r="74">
          <cell r="A74" t="str">
            <v>宮川</v>
          </cell>
          <cell r="C74">
            <v>2202</v>
          </cell>
          <cell r="E74">
            <v>2243</v>
          </cell>
        </row>
        <row r="75">
          <cell r="A75" t="str">
            <v>婦中熊野</v>
          </cell>
          <cell r="C75">
            <v>3628</v>
          </cell>
          <cell r="E75">
            <v>3657</v>
          </cell>
        </row>
        <row r="76">
          <cell r="A76" t="str">
            <v>古里</v>
          </cell>
          <cell r="C76">
            <v>3722</v>
          </cell>
          <cell r="E76">
            <v>3802</v>
          </cell>
        </row>
        <row r="77">
          <cell r="A77" t="str">
            <v>音川</v>
          </cell>
          <cell r="C77">
            <v>1260</v>
          </cell>
          <cell r="E77">
            <v>1279</v>
          </cell>
        </row>
        <row r="78">
          <cell r="A78" t="str">
            <v>神保</v>
          </cell>
          <cell r="C78">
            <v>4880</v>
          </cell>
          <cell r="E78">
            <v>4881</v>
          </cell>
        </row>
        <row r="79">
          <cell r="A79" t="str">
            <v>山田南部</v>
          </cell>
          <cell r="C79">
            <v>10</v>
          </cell>
          <cell r="E79">
            <v>10</v>
          </cell>
        </row>
        <row r="80">
          <cell r="A80" t="str">
            <v>山田中部</v>
          </cell>
          <cell r="C80">
            <v>840</v>
          </cell>
          <cell r="E80">
            <v>853</v>
          </cell>
        </row>
        <row r="81">
          <cell r="A81" t="str">
            <v>山田西部</v>
          </cell>
          <cell r="C81">
            <v>160</v>
          </cell>
          <cell r="E81">
            <v>160</v>
          </cell>
        </row>
        <row r="82">
          <cell r="A82" t="str">
            <v>山田東部</v>
          </cell>
          <cell r="C82">
            <v>266</v>
          </cell>
          <cell r="E82">
            <v>267</v>
          </cell>
        </row>
        <row r="83">
          <cell r="A83" t="str">
            <v>細入北部</v>
          </cell>
          <cell r="C83">
            <v>898</v>
          </cell>
          <cell r="E83">
            <v>924</v>
          </cell>
        </row>
        <row r="84">
          <cell r="A84" t="str">
            <v>細入南部</v>
          </cell>
          <cell r="C84">
            <v>243</v>
          </cell>
          <cell r="E84">
            <v>257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１）大沢野～細入地域人口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6T23:54:19Z</dcterms:created>
  <dcterms:modified xsi:type="dcterms:W3CDTF">2023-11-06T23:55:16Z</dcterms:modified>
</cp:coreProperties>
</file>